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7328"/>
  <workbookPr codeName="ThisWorkbook"/>
  <mc:AlternateContent xmlns:mc="http://schemas.openxmlformats.org/markup-compatibility/2006">
    <mc:Choice Requires="x15">
      <x15ac:absPath xmlns:x15ac="http://schemas.microsoft.com/office/spreadsheetml/2010/11/ac" url="G:\BoP\BoP projekter\Ny BOP Teknisk og Øvrigt materiale til umbraco\"/>
    </mc:Choice>
  </mc:AlternateContent>
  <xr:revisionPtr revIDLastSave="0" documentId="8_{F10F9099-2931-4C5A-8A87-697B05FE263C}" xr6:coauthVersionLast="47" xr6:coauthVersionMax="47" xr10:uidLastSave="{00000000-0000-0000-0000-000000000000}"/>
  <bookViews>
    <workbookView xWindow="28680" yWindow="-120" windowWidth="29040" windowHeight="17025" xr2:uid="{00000000-000D-0000-FFFF-FFFF00000000}"/>
  </bookViews>
  <sheets>
    <sheet name="Ark1" sheetId="1" r:id="rId1"/>
  </sheets>
  <calcPr calcId="92512"/>
</workbook>
</file>

<file path=xl/sharedStrings.xml><?xml version="1.0" encoding="utf-8"?>
<sst xmlns="http://schemas.openxmlformats.org/spreadsheetml/2006/main" count="476" uniqueCount="398">
  <si>
    <t>Private individuals</t>
  </si>
  <si>
    <t>YZZ</t>
  </si>
  <si>
    <t>99.99.99</t>
  </si>
  <si>
    <t>Unknown</t>
  </si>
  <si>
    <t>XZZ</t>
  </si>
  <si>
    <t>99.00.10 - 99.00.20</t>
  </si>
  <si>
    <t>99.00</t>
  </si>
  <si>
    <t>99</t>
  </si>
  <si>
    <t>V</t>
  </si>
  <si>
    <t>Activities of extraterritorial organisations and bodies</t>
  </si>
  <si>
    <t>UZZ</t>
  </si>
  <si>
    <t>97.00.00 - 98.20.00</t>
  </si>
  <si>
    <t>97.00 - 98.20</t>
  </si>
  <si>
    <t>97 - 98</t>
  </si>
  <si>
    <t>U</t>
  </si>
  <si>
    <t>Activities of households as employers of domestic personnel</t>
  </si>
  <si>
    <t>TZZ</t>
  </si>
  <si>
    <t>95.10.00 - 96.99.00</t>
  </si>
  <si>
    <t>95.10 - 96.99</t>
  </si>
  <si>
    <t>95 - 96</t>
  </si>
  <si>
    <t>T</t>
  </si>
  <si>
    <t>Repair and maintenance and personal service activities</t>
  </si>
  <si>
    <t>SZ2</t>
  </si>
  <si>
    <t>94.11.00 - 94.99.00</t>
  </si>
  <si>
    <t>94.11 - 94.99</t>
  </si>
  <si>
    <t>94</t>
  </si>
  <si>
    <t>Activities of membership organisations</t>
  </si>
  <si>
    <t>SZ1</t>
  </si>
  <si>
    <t>92.00.00 - 93.29.90</t>
  </si>
  <si>
    <t>92.00 - 93.29</t>
  </si>
  <si>
    <t>92 - 93</t>
  </si>
  <si>
    <t>S</t>
  </si>
  <si>
    <t>Gambling, betting, sports, amusement and recreation activities</t>
  </si>
  <si>
    <t>RZ3</t>
  </si>
  <si>
    <t>91.11.00 - 91.42.00</t>
  </si>
  <si>
    <t>91.11 - 91.42</t>
  </si>
  <si>
    <t>91</t>
  </si>
  <si>
    <t>Libraries, archives, museums and other cultural activities</t>
  </si>
  <si>
    <t>RZ2</t>
  </si>
  <si>
    <t>90.11.00 - 90.39.20</t>
  </si>
  <si>
    <t>90.11 - 90.39</t>
  </si>
  <si>
    <t>90</t>
  </si>
  <si>
    <t>Arts creation and performing arts activities</t>
  </si>
  <si>
    <t>RZ1</t>
  </si>
  <si>
    <t>87.10.10 - 88.99.90</t>
  </si>
  <si>
    <t>87.10 - 88.99</t>
  </si>
  <si>
    <t>87 - 88</t>
  </si>
  <si>
    <t>R</t>
  </si>
  <si>
    <t>Residential care activities and social work activities without accommodation</t>
  </si>
  <si>
    <t>QBZ</t>
  </si>
  <si>
    <t>86.10.00 - 86.99.00</t>
  </si>
  <si>
    <t>86.10 - 86.99</t>
  </si>
  <si>
    <t>86</t>
  </si>
  <si>
    <t>Human health activities</t>
  </si>
  <si>
    <t>QAZ</t>
  </si>
  <si>
    <t>85.10.00 - 85.69.00</t>
  </si>
  <si>
    <t>85.10 - 85.69</t>
  </si>
  <si>
    <t>85</t>
  </si>
  <si>
    <t>Q</t>
  </si>
  <si>
    <t>Education</t>
  </si>
  <si>
    <t>PZZ</t>
  </si>
  <si>
    <t>84.11.00 - 84.30.00</t>
  </si>
  <si>
    <t>84.11 - 84.30</t>
  </si>
  <si>
    <t>84</t>
  </si>
  <si>
    <t>P</t>
  </si>
  <si>
    <t>Public administration and defence</t>
  </si>
  <si>
    <t>OZZ</t>
  </si>
  <si>
    <t>78.10.00 - 82.99.00</t>
  </si>
  <si>
    <t>78.10 - 82.99</t>
  </si>
  <si>
    <t>78 - 82</t>
  </si>
  <si>
    <t>O</t>
  </si>
  <si>
    <t>Administrative and support service activities except rental and leasing</t>
  </si>
  <si>
    <t>NZ2</t>
  </si>
  <si>
    <t>77.11.00 - 77.52.00</t>
  </si>
  <si>
    <t>77.11 - 77.52</t>
  </si>
  <si>
    <t>77</t>
  </si>
  <si>
    <t>Rental and leasing activities</t>
  </si>
  <si>
    <t>NZ1</t>
  </si>
  <si>
    <t>74.11.00 - 75.00.00</t>
  </si>
  <si>
    <t>74.11 - 75.00</t>
  </si>
  <si>
    <t>74 - 75</t>
  </si>
  <si>
    <t>N</t>
  </si>
  <si>
    <t>Other professional, scientific and technical activities and veterinary activities</t>
  </si>
  <si>
    <t>MC3</t>
  </si>
  <si>
    <t>73.20.00 - 73.30.00</t>
  </si>
  <si>
    <t>73.20 - 73.30</t>
  </si>
  <si>
    <t>73</t>
  </si>
  <si>
    <t>Market research and public relations</t>
  </si>
  <si>
    <t>MC2</t>
  </si>
  <si>
    <t>73.11.10 - 73.12.00</t>
  </si>
  <si>
    <t>73.11 - 73.12</t>
  </si>
  <si>
    <t>Advertising</t>
  </si>
  <si>
    <t>MC1</t>
  </si>
  <si>
    <t>72.10.00 - 72.20.00</t>
  </si>
  <si>
    <t>72.10 - 72.20</t>
  </si>
  <si>
    <t>72</t>
  </si>
  <si>
    <t>Scientific research and development</t>
  </si>
  <si>
    <t>MBZ</t>
  </si>
  <si>
    <t>71.11.00 - 71.20.90</t>
  </si>
  <si>
    <t>71.11 - 71.20</t>
  </si>
  <si>
    <t>71</t>
  </si>
  <si>
    <t>Architectural and engineering activities; technical testing and analysis</t>
  </si>
  <si>
    <t>MA5</t>
  </si>
  <si>
    <t>70.20.00</t>
  </si>
  <si>
    <t>70.20</t>
  </si>
  <si>
    <t>70</t>
  </si>
  <si>
    <t>Business and other management consultancy activities</t>
  </si>
  <si>
    <t>MA4</t>
  </si>
  <si>
    <t>70.10.10 - 70.10.20</t>
  </si>
  <si>
    <t>70.10</t>
  </si>
  <si>
    <t>Activities of head offices</t>
  </si>
  <si>
    <t>MA3</t>
  </si>
  <si>
    <t>69.20.00</t>
  </si>
  <si>
    <t>69.20</t>
  </si>
  <si>
    <t>69</t>
  </si>
  <si>
    <t>Accounting, bookkeeping and auditing activities; tax consultancy</t>
  </si>
  <si>
    <t>MA2</t>
  </si>
  <si>
    <t>69.10.00</t>
  </si>
  <si>
    <t>69.10</t>
  </si>
  <si>
    <t>Legal activities</t>
  </si>
  <si>
    <t>MA1</t>
  </si>
  <si>
    <t>68.11.00 - 68.32.20</t>
  </si>
  <si>
    <t>68.11 - 68.32</t>
  </si>
  <si>
    <t>68</t>
  </si>
  <si>
    <t>M</t>
  </si>
  <si>
    <t xml:space="preserve">Real estate activities </t>
  </si>
  <si>
    <t>LZZ</t>
  </si>
  <si>
    <t>66.21.00 - 66.29.00</t>
  </si>
  <si>
    <t>66.21 - 66.29</t>
  </si>
  <si>
    <t>66</t>
  </si>
  <si>
    <t>L</t>
  </si>
  <si>
    <t>Activities auxiliary to insurance and pension funding</t>
  </si>
  <si>
    <t>K17</t>
  </si>
  <si>
    <t>66.11.00 - 66.19.00 + 66.30.00</t>
  </si>
  <si>
    <t>66.11 - 66.19 + 66.30</t>
  </si>
  <si>
    <t>Activities auxiliary to financial services</t>
  </si>
  <si>
    <t>K16</t>
  </si>
  <si>
    <t>65.30.10 - 65.30.20</t>
  </si>
  <si>
    <t>65.30</t>
  </si>
  <si>
    <t>65</t>
  </si>
  <si>
    <t>Pension funding</t>
  </si>
  <si>
    <t>K15</t>
  </si>
  <si>
    <t>65.20.00</t>
  </si>
  <si>
    <t>65.20</t>
  </si>
  <si>
    <t>Reinsurance</t>
  </si>
  <si>
    <t>K14</t>
  </si>
  <si>
    <t>65.12.00</t>
  </si>
  <si>
    <t>65.12</t>
  </si>
  <si>
    <t>Non-life insurance</t>
  </si>
  <si>
    <t>K13</t>
  </si>
  <si>
    <t>65.11.00</t>
  </si>
  <si>
    <t>65.11</t>
  </si>
  <si>
    <t>Life insurance</t>
  </si>
  <si>
    <t>K12</t>
  </si>
  <si>
    <t>64.92.30 + 64.99.90</t>
  </si>
  <si>
    <t>64.92 + 64.99</t>
  </si>
  <si>
    <t>64</t>
  </si>
  <si>
    <t>Other financial corporations</t>
  </si>
  <si>
    <t>K11</t>
  </si>
  <si>
    <t>64.92.20</t>
  </si>
  <si>
    <t>64.92</t>
  </si>
  <si>
    <t>Other credit institutions</t>
  </si>
  <si>
    <t>K10</t>
  </si>
  <si>
    <t>64.92.10</t>
  </si>
  <si>
    <t>Mortgage banks</t>
  </si>
  <si>
    <t>K09</t>
  </si>
  <si>
    <t>64.91.00</t>
  </si>
  <si>
    <t>64.91</t>
  </si>
  <si>
    <t>Financial leasing</t>
  </si>
  <si>
    <t>K08</t>
  </si>
  <si>
    <t>64.22.00 + 64.32.00 + 64.99.10</t>
  </si>
  <si>
    <t>64.22 + 64.32 + 64.99</t>
  </si>
  <si>
    <t>Trusts, funds and similar financial entities</t>
  </si>
  <si>
    <t>K07</t>
  </si>
  <si>
    <t>64.31.10</t>
  </si>
  <si>
    <t>64.31</t>
  </si>
  <si>
    <t>Money market funds</t>
  </si>
  <si>
    <t>K06</t>
  </si>
  <si>
    <t>64.31.20</t>
  </si>
  <si>
    <t>Investment funds</t>
  </si>
  <si>
    <t>K05</t>
  </si>
  <si>
    <t>64.21.30</t>
  </si>
  <si>
    <t>64.21</t>
  </si>
  <si>
    <t>Activities of other holding companies</t>
  </si>
  <si>
    <t>K04</t>
  </si>
  <si>
    <t>64.21.20</t>
  </si>
  <si>
    <t xml:space="preserve">Activities of non-financial holding companies </t>
  </si>
  <si>
    <t>K03</t>
  </si>
  <si>
    <t>64.21.10</t>
  </si>
  <si>
    <t xml:space="preserve">Activities of financial holding companies </t>
  </si>
  <si>
    <t>K02</t>
  </si>
  <si>
    <t>64.11.00 - 64.19.00</t>
  </si>
  <si>
    <t>64.11 - 64.19</t>
  </si>
  <si>
    <t>Monetary intermediation</t>
  </si>
  <si>
    <t>K01</t>
  </si>
  <si>
    <t>62.10.00 - 63.92.00</t>
  </si>
  <si>
    <t>62.10 - 63.92</t>
  </si>
  <si>
    <t>62 - 63</t>
  </si>
  <si>
    <t>K</t>
  </si>
  <si>
    <t>Computer programming and other information service activities</t>
  </si>
  <si>
    <t>JCZ</t>
  </si>
  <si>
    <t>61.10.00 - 61.90.00</t>
  </si>
  <si>
    <t>61.10 - 61.90</t>
  </si>
  <si>
    <t>61</t>
  </si>
  <si>
    <t>Telecommunication</t>
  </si>
  <si>
    <t>JBZ</t>
  </si>
  <si>
    <t>59.11.00 - 60.39.00</t>
  </si>
  <si>
    <t>59.11 - 60.39</t>
  </si>
  <si>
    <t>59 - 60</t>
  </si>
  <si>
    <t>J</t>
  </si>
  <si>
    <t>Broadcasting, and content production and distribution activities</t>
  </si>
  <si>
    <t>JA2</t>
  </si>
  <si>
    <t>58.11.00 - 58.29.00</t>
  </si>
  <si>
    <t>58.11 - 58.29</t>
  </si>
  <si>
    <t>58</t>
  </si>
  <si>
    <t>Publishing activities</t>
  </si>
  <si>
    <t>JA1</t>
  </si>
  <si>
    <t>55.10.00 - 56.40.00</t>
  </si>
  <si>
    <t>55.10 - 56.40</t>
  </si>
  <si>
    <t>55 - 56</t>
  </si>
  <si>
    <t>I</t>
  </si>
  <si>
    <t xml:space="preserve">Accommodation and food service activities </t>
  </si>
  <si>
    <t>IZZ</t>
  </si>
  <si>
    <t>53.10.00 - 53.30.00</t>
  </si>
  <si>
    <t>53.10 - 53.30</t>
  </si>
  <si>
    <t>53</t>
  </si>
  <si>
    <t>H</t>
  </si>
  <si>
    <t xml:space="preserve">Postal and courier activities </t>
  </si>
  <si>
    <t>HZ5</t>
  </si>
  <si>
    <t>52.10.00 - 52.32.00</t>
  </si>
  <si>
    <t>52.10 - 52.32</t>
  </si>
  <si>
    <t>52</t>
  </si>
  <si>
    <t>Warehousing, storage and support activities for transportation</t>
  </si>
  <si>
    <t>HZ4</t>
  </si>
  <si>
    <t>51.10.10 - 51.22.00</t>
  </si>
  <si>
    <t>51.10 - 51.22</t>
  </si>
  <si>
    <t>51</t>
  </si>
  <si>
    <t>Air transport</t>
  </si>
  <si>
    <t>HZ3</t>
  </si>
  <si>
    <t>50.10.00 - 50.40.00</t>
  </si>
  <si>
    <t>50.10 - 50.40</t>
  </si>
  <si>
    <t>50</t>
  </si>
  <si>
    <t xml:space="preserve">Water transport </t>
  </si>
  <si>
    <t>HZ2</t>
  </si>
  <si>
    <t>49.11.00 - 49.50.00</t>
  </si>
  <si>
    <t>49.11 - 49.50</t>
  </si>
  <si>
    <t>49</t>
  </si>
  <si>
    <t>Land transport and transport via pipelines</t>
  </si>
  <si>
    <t>HZ1</t>
  </si>
  <si>
    <t>47.11.10 - 47.92.00</t>
  </si>
  <si>
    <t>47.11 - 47.92</t>
  </si>
  <si>
    <t>47</t>
  </si>
  <si>
    <t>G</t>
  </si>
  <si>
    <t>Retail trade</t>
  </si>
  <si>
    <t>G3Z</t>
  </si>
  <si>
    <t>46.11.00 - 46.90.00</t>
  </si>
  <si>
    <t>46.11 - 46.90</t>
  </si>
  <si>
    <t>46</t>
  </si>
  <si>
    <t xml:space="preserve">Wholesale trade </t>
  </si>
  <si>
    <t>G2Z</t>
  </si>
  <si>
    <t>41.00.00 - 43.99.00</t>
  </si>
  <si>
    <t>41.00 - 43.99</t>
  </si>
  <si>
    <t>41 - 43</t>
  </si>
  <si>
    <t>F</t>
  </si>
  <si>
    <t>Construction</t>
  </si>
  <si>
    <t>FZZ</t>
  </si>
  <si>
    <t>37.00.00 - 39.00.00</t>
  </si>
  <si>
    <t>37.00 - 39.00</t>
  </si>
  <si>
    <t>37 - 39</t>
  </si>
  <si>
    <t>E</t>
  </si>
  <si>
    <t>Sewerage, waste management and remediation activities</t>
  </si>
  <si>
    <t>EZ2</t>
  </si>
  <si>
    <t>36.00.00</t>
  </si>
  <si>
    <t>36.00</t>
  </si>
  <si>
    <t>36</t>
  </si>
  <si>
    <t>Water collection, treatment and supply</t>
  </si>
  <si>
    <t>EZ1</t>
  </si>
  <si>
    <t>35.11.00 - 35.40.00</t>
  </si>
  <si>
    <t>35.11 - 35.40</t>
  </si>
  <si>
    <t>35</t>
  </si>
  <si>
    <t>D</t>
  </si>
  <si>
    <t>Electricity, gas, steam and air conditioning supply</t>
  </si>
  <si>
    <t>DZZ</t>
  </si>
  <si>
    <t>31.00.00 - 33.20.00</t>
  </si>
  <si>
    <t>31.00 - 33.20</t>
  </si>
  <si>
    <t>31 - 33</t>
  </si>
  <si>
    <t>C</t>
  </si>
  <si>
    <t>Manufacture, repair, maintenance and installation of machinery and equipment</t>
  </si>
  <si>
    <t>CMZ</t>
  </si>
  <si>
    <t xml:space="preserve">30.11.00 - 30.20.00 + 30.40.00 - 30.99.00 </t>
  </si>
  <si>
    <t xml:space="preserve">30.11 - 30.20 + 30.40 - 30.99 </t>
  </si>
  <si>
    <t>30</t>
  </si>
  <si>
    <t>Manufacture of other transport equipment</t>
  </si>
  <si>
    <t>CL3</t>
  </si>
  <si>
    <t>30.31.00 - 30.32.00</t>
  </si>
  <si>
    <t>30.31 - 30.32</t>
  </si>
  <si>
    <t>Manufacture of air and spacecraft and related machinery</t>
  </si>
  <si>
    <t>CL2</t>
  </si>
  <si>
    <t>29.10.00 - 29.32.00</t>
  </si>
  <si>
    <t>29.10 - 29.32</t>
  </si>
  <si>
    <t>29</t>
  </si>
  <si>
    <t>Manufacture of motor vehicles, trailers and semi-trailers</t>
  </si>
  <si>
    <t>CL1</t>
  </si>
  <si>
    <t>28.11.00 - 28.99.00</t>
  </si>
  <si>
    <t>28.11 - 28.99</t>
  </si>
  <si>
    <t>28</t>
  </si>
  <si>
    <t>Manufacture of machinery and equipment n.e.c.</t>
  </si>
  <si>
    <t>CKZ</t>
  </si>
  <si>
    <t>27.11.00 - 27.90.00</t>
  </si>
  <si>
    <t>27.11 - 27.90</t>
  </si>
  <si>
    <t>27</t>
  </si>
  <si>
    <t>Manufacture of electrical equipment</t>
  </si>
  <si>
    <t>CJZ</t>
  </si>
  <si>
    <t>26.20.00</t>
  </si>
  <si>
    <t>26.20</t>
  </si>
  <si>
    <t>26</t>
  </si>
  <si>
    <t>Manufacture of computers and peripheral equipment</t>
  </si>
  <si>
    <t>CI2</t>
  </si>
  <si>
    <t>26.11.00 - 26.12.00 + 26.30.00 - 26.70.00</t>
  </si>
  <si>
    <t>26.11 - 26.12 + 26.30 - 26.70</t>
  </si>
  <si>
    <t>Manufacture of electronic and optical products, except computers</t>
  </si>
  <si>
    <t>CI1</t>
  </si>
  <si>
    <t>24.10.00 - 25.99.00</t>
  </si>
  <si>
    <t>24.10 - 25.99</t>
  </si>
  <si>
    <t>24 - 25</t>
  </si>
  <si>
    <t>Manufacture of basic metals and fabricated metal products, except machinery and equipment</t>
  </si>
  <si>
    <t>CHZ</t>
  </si>
  <si>
    <t>23.11.00 - 23.99.90</t>
  </si>
  <si>
    <t>23.11 - 23.99</t>
  </si>
  <si>
    <t>23</t>
  </si>
  <si>
    <t>Manufacture of other non-metallic mineral products</t>
  </si>
  <si>
    <t>CG2</t>
  </si>
  <si>
    <t>22.11.00 - 22.26.00</t>
  </si>
  <si>
    <t>22.11 - 22.26</t>
  </si>
  <si>
    <t>22</t>
  </si>
  <si>
    <t>Manufacture of rubber and plastic products</t>
  </si>
  <si>
    <t>CG1</t>
  </si>
  <si>
    <t>21.10.00 - 21.20.00</t>
  </si>
  <si>
    <t>21.10 - 21.20</t>
  </si>
  <si>
    <t>21</t>
  </si>
  <si>
    <t xml:space="preserve">Manufacture of basic pharmaceutical products and pharmaceutical preparations </t>
  </si>
  <si>
    <t>CFZ</t>
  </si>
  <si>
    <t>20.11.00 - 20.60.00</t>
  </si>
  <si>
    <t>20.11 - 20.60</t>
  </si>
  <si>
    <t>20</t>
  </si>
  <si>
    <t>Manufacture of chemicals and chemical products</t>
  </si>
  <si>
    <t>CEZ</t>
  </si>
  <si>
    <t>19.10.00 - 19.20.00</t>
  </si>
  <si>
    <t>19.10 - 19.20</t>
  </si>
  <si>
    <t>19</t>
  </si>
  <si>
    <t>Manufacture of coke and refined petroleum products</t>
  </si>
  <si>
    <t>CDZ</t>
  </si>
  <si>
    <t>16.11.00 - 18.20.00</t>
  </si>
  <si>
    <t>16.11 - 18.20</t>
  </si>
  <si>
    <t>16 - 18</t>
  </si>
  <si>
    <t>Manufacture of products of wood and paper products; printing and reproduction of recorded media</t>
  </si>
  <si>
    <t>CCZ</t>
  </si>
  <si>
    <t>15.11.00 - 15.20.00</t>
  </si>
  <si>
    <t>15.11 - 15.20</t>
  </si>
  <si>
    <t>15</t>
  </si>
  <si>
    <t>Manufacture of leather and related products of other materials</t>
  </si>
  <si>
    <t>CB2</t>
  </si>
  <si>
    <t>13.10.00 - 14.29.00</t>
  </si>
  <si>
    <t>13.10 - 14.29</t>
  </si>
  <si>
    <t>13 - 14</t>
  </si>
  <si>
    <t>Manufacture of textiles and wearing apparel</t>
  </si>
  <si>
    <t>CB1</t>
  </si>
  <si>
    <t>10.11.10 - 12.00.00</t>
  </si>
  <si>
    <t>10.11 - 12.00</t>
  </si>
  <si>
    <t>10 - 12</t>
  </si>
  <si>
    <t>Manufacture of food, beverage, and tobacco products</t>
  </si>
  <si>
    <t>CAZ</t>
  </si>
  <si>
    <t>05.10.00 - 05.20.00 + 07.10.00 - 08.99.00</t>
  </si>
  <si>
    <t>05.10 - 05.20 + 07.10 - 08.99</t>
  </si>
  <si>
    <t>05 + 07 + 08</t>
  </si>
  <si>
    <t>B</t>
  </si>
  <si>
    <t xml:space="preserve">Other mining and quarrying </t>
  </si>
  <si>
    <t>BZ2</t>
  </si>
  <si>
    <t>06.10.00 - 06.20.00 + 09.10.00 - 09.90.00</t>
  </si>
  <si>
    <t>06.10 - 06.20 + 09.10 - 09.90</t>
  </si>
  <si>
    <t>06 + 09</t>
  </si>
  <si>
    <t>Extraction of crude petroleum and natural gas and mining support service activities</t>
  </si>
  <si>
    <t>BZ1</t>
  </si>
  <si>
    <t>01.11.00 - 03.30.00</t>
  </si>
  <si>
    <t>01.11 - 03.30</t>
  </si>
  <si>
    <t>01 - 03</t>
  </si>
  <si>
    <t>A</t>
  </si>
  <si>
    <t>Agriculture, forestry and fishing</t>
  </si>
  <si>
    <t>AZZ</t>
  </si>
  <si>
    <t>DB25-code</t>
  </si>
  <si>
    <t>Subgroup</t>
  </si>
  <si>
    <t>Group</t>
  </si>
  <si>
    <t>Group Division</t>
  </si>
  <si>
    <t>NACE rev. 2.1</t>
  </si>
  <si>
    <t>Description</t>
  </si>
  <si>
    <t>Danmarks Nationalbank code</t>
  </si>
  <si>
    <t xml:space="preserve">For use in industry grouping in Denmark, Statistics Denmark's Danish industry code 2025 (DB25) is used, which follows the international standard NACE.
NACE codes consist of a letter describing the main section, followed by a 4-digit code describing the main and subgroups.
DB25 codes consist of 6 digits. The first 4 digits correspond to the 4-digit NACE codes, while the last two digits are further Danish elaboration of the industry.
The table shows the correlation between the 3-character codes to be used when reporting to Danmarks Nationalbank and the NACE and DB25 industry codes, respectively.					</t>
  </si>
  <si>
    <t>Pr. 1.1.2025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6" x14ac:knownFonts="1">
    <font>
      <sz val="10"/>
      <name val="Arial"/>
    </font>
    <font>
      <sz val="11"/>
      <color theme="1"/>
      <name val="Nationalbank"/>
      <family val="2"/>
      <scheme val="minor"/>
    </font>
    <font>
      <sz val="10"/>
      <name val="Nationalbank"/>
      <family val="2"/>
    </font>
    <font>
      <sz val="11"/>
      <color rgb="FF006100"/>
      <name val="Nationalbank"/>
      <family val="2"/>
      <scheme val="minor"/>
    </font>
    <font>
      <sz val="10"/>
      <name val="Arial"/>
      <family val="2"/>
    </font>
    <font>
      <b/>
      <sz val="10"/>
      <name val="Arial"/>
      <family val="2"/>
    </font>
  </fonts>
  <fills count="6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theme="4" tint="0.59999389629810485"/>
        <bgColor indexed="65"/>
      </patternFill>
    </fill>
    <fill>
      <patternFill patternType="solid">
        <fgColor rgb="FFFF99FF"/>
        <bgColor indexed="64"/>
      </patternFill>
    </fill>
    <fill>
      <patternFill patternType="solid">
        <fgColor rgb="FF79DCFF"/>
        <bgColor indexed="64"/>
      </patternFill>
    </fill>
  </fills>
  <borders count="12">
    <border>
      <left/>
      <right/>
      <top/>
      <bottom/>
      <diagonal/>
    </border>
    <border>
      <left/>
      <right style="thin">
        <color indexed="64"/>
      </right>
      <top/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 style="thin">
        <color indexed="64"/>
      </left>
      <right/>
      <top/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/>
      <bottom/>
      <diagonal/>
    </border>
    <border>
      <left style="thin">
        <color indexed="64"/>
      </left>
      <right/>
      <top/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/>
      <right/>
      <top style="thin">
        <color indexed="64"/>
      </top>
      <bottom/>
      <diagonal/>
    </border>
    <border>
      <left style="thin">
        <color indexed="64"/>
      </left>
      <right/>
      <top style="thin">
        <color indexed="64"/>
      </top>
      <bottom/>
      <diagonal/>
    </border>
  </borders>
  <cellStyleXfs count="3">
    <xf numFmtId="0" fontId="0" fillId="0" borderId="0"/>
    <xf numFmtId="0" fontId="3" fillId="2" borderId="0" applyNumberFormat="0" applyBorder="0" applyAlignment="0" applyProtection="0"/>
    <xf numFmtId="0" fontId="1" fillId="3" borderId="0" applyNumberFormat="0" applyBorder="0" applyAlignment="0" applyProtection="0"/>
  </cellStyleXfs>
  <cellXfs count="40">
    <xf numFmtId="0" fontId="0" fillId="0" borderId="0" xfId="0"/>
    <xf numFmtId="0" fontId="2" fillId="0" borderId="0" xfId="0" applyFont="1"/>
    <xf numFmtId="0" fontId="4" fillId="0" borderId="1" xfId="0" applyFont="1" applyBorder="1" applyAlignment="1">
      <alignment vertical="center"/>
    </xf>
    <xf numFmtId="49" fontId="4" fillId="0" borderId="2" xfId="0" applyNumberFormat="1" applyFont="1" applyBorder="1" applyAlignment="1">
      <alignment vertical="center"/>
    </xf>
    <xf numFmtId="0" fontId="4" fillId="0" borderId="3" xfId="0" applyFont="1" applyBorder="1" applyAlignment="1">
      <alignment vertical="center"/>
    </xf>
    <xf numFmtId="0" fontId="4" fillId="0" borderId="2" xfId="0" applyFont="1" applyBorder="1" applyAlignment="1">
      <alignment vertical="center"/>
    </xf>
    <xf numFmtId="0" fontId="4" fillId="0" borderId="3" xfId="2" applyFont="1" applyFill="1" applyBorder="1" applyAlignment="1">
      <alignment vertical="center"/>
    </xf>
    <xf numFmtId="0" fontId="4" fillId="0" borderId="4" xfId="0" applyFont="1" applyBorder="1" applyAlignment="1">
      <alignment vertical="center"/>
    </xf>
    <xf numFmtId="49" fontId="4" fillId="0" borderId="5" xfId="0" applyNumberFormat="1" applyFont="1" applyBorder="1" applyAlignment="1">
      <alignment vertical="center"/>
    </xf>
    <xf numFmtId="0" fontId="4" fillId="0" borderId="6" xfId="0" applyFont="1" applyBorder="1" applyAlignment="1">
      <alignment vertical="center"/>
    </xf>
    <xf numFmtId="0" fontId="4" fillId="0" borderId="5" xfId="0" applyFont="1" applyBorder="1" applyAlignment="1">
      <alignment vertical="center"/>
    </xf>
    <xf numFmtId="0" fontId="4" fillId="0" borderId="6" xfId="2" applyFont="1" applyFill="1" applyBorder="1" applyAlignment="1">
      <alignment vertical="center"/>
    </xf>
    <xf numFmtId="49" fontId="4" fillId="0" borderId="5" xfId="0" quotePrefix="1" applyNumberFormat="1" applyFont="1" applyBorder="1" applyAlignment="1">
      <alignment vertical="center"/>
    </xf>
    <xf numFmtId="0" fontId="4" fillId="0" borderId="7" xfId="0" applyFont="1" applyBorder="1" applyAlignment="1">
      <alignment vertical="center"/>
    </xf>
    <xf numFmtId="49" fontId="4" fillId="0" borderId="0" xfId="0" quotePrefix="1" applyNumberFormat="1" applyFont="1" applyAlignment="1">
      <alignment vertical="center"/>
    </xf>
    <xf numFmtId="0" fontId="4" fillId="0" borderId="8" xfId="0" applyFont="1" applyBorder="1" applyAlignment="1">
      <alignment vertical="center"/>
    </xf>
    <xf numFmtId="0" fontId="4" fillId="0" borderId="0" xfId="0" applyFont="1" applyAlignment="1">
      <alignment vertical="center"/>
    </xf>
    <xf numFmtId="0" fontId="4" fillId="0" borderId="8" xfId="2" applyFont="1" applyFill="1" applyBorder="1" applyAlignment="1">
      <alignment vertical="center"/>
    </xf>
    <xf numFmtId="49" fontId="4" fillId="0" borderId="2" xfId="0" quotePrefix="1" applyNumberFormat="1" applyFont="1" applyBorder="1" applyAlignment="1">
      <alignment vertical="center"/>
    </xf>
    <xf numFmtId="0" fontId="4" fillId="0" borderId="9" xfId="0" applyFont="1" applyBorder="1" applyAlignment="1">
      <alignment vertical="center"/>
    </xf>
    <xf numFmtId="49" fontId="4" fillId="0" borderId="10" xfId="0" quotePrefix="1" applyNumberFormat="1" applyFont="1" applyBorder="1" applyAlignment="1">
      <alignment vertical="center"/>
    </xf>
    <xf numFmtId="0" fontId="4" fillId="0" borderId="11" xfId="0" applyFont="1" applyBorder="1" applyAlignment="1">
      <alignment vertical="center"/>
    </xf>
    <xf numFmtId="0" fontId="4" fillId="0" borderId="10" xfId="0" applyFont="1" applyBorder="1" applyAlignment="1">
      <alignment vertical="center"/>
    </xf>
    <xf numFmtId="0" fontId="4" fillId="0" borderId="11" xfId="2" applyFont="1" applyFill="1" applyBorder="1" applyAlignment="1">
      <alignment vertical="center"/>
    </xf>
    <xf numFmtId="49" fontId="4" fillId="0" borderId="0" xfId="0" applyNumberFormat="1" applyFont="1" applyAlignment="1">
      <alignment vertical="center"/>
    </xf>
    <xf numFmtId="0" fontId="5" fillId="4" borderId="1" xfId="1" applyFont="1" applyFill="1" applyBorder="1" applyAlignment="1">
      <alignment vertical="center"/>
    </xf>
    <xf numFmtId="0" fontId="5" fillId="5" borderId="1" xfId="1" applyFont="1" applyFill="1" applyBorder="1" applyAlignment="1">
      <alignment vertical="center"/>
    </xf>
    <xf numFmtId="49" fontId="5" fillId="5" borderId="2" xfId="1" applyNumberFormat="1" applyFont="1" applyFill="1" applyBorder="1" applyAlignment="1">
      <alignment vertical="center"/>
    </xf>
    <xf numFmtId="0" fontId="5" fillId="5" borderId="3" xfId="1" applyFont="1" applyFill="1" applyBorder="1" applyAlignment="1">
      <alignment vertical="center"/>
    </xf>
    <xf numFmtId="0" fontId="5" fillId="0" borderId="1" xfId="1" applyFont="1" applyFill="1" applyBorder="1" applyAlignment="1">
      <alignment vertical="center"/>
    </xf>
    <xf numFmtId="0" fontId="5" fillId="0" borderId="3" xfId="2" applyFont="1" applyFill="1" applyBorder="1" applyAlignment="1">
      <alignment vertical="center" wrapText="1"/>
    </xf>
    <xf numFmtId="0" fontId="5" fillId="4" borderId="9" xfId="1" applyFont="1" applyFill="1" applyBorder="1" applyAlignment="1">
      <alignment vertical="center"/>
    </xf>
    <xf numFmtId="0" fontId="5" fillId="5" borderId="9" xfId="1" applyFont="1" applyFill="1" applyBorder="1" applyAlignment="1">
      <alignment vertical="center"/>
    </xf>
    <xf numFmtId="0" fontId="5" fillId="5" borderId="10" xfId="1" applyFont="1" applyFill="1" applyBorder="1" applyAlignment="1">
      <alignment vertical="center"/>
    </xf>
    <xf numFmtId="0" fontId="5" fillId="5" borderId="11" xfId="1" applyFont="1" applyFill="1" applyBorder="1" applyAlignment="1">
      <alignment vertical="center"/>
    </xf>
    <xf numFmtId="0" fontId="5" fillId="0" borderId="9" xfId="1" applyFont="1" applyFill="1" applyBorder="1" applyAlignment="1">
      <alignment vertical="center"/>
    </xf>
    <xf numFmtId="0" fontId="5" fillId="0" borderId="11" xfId="2" applyFont="1" applyFill="1" applyBorder="1" applyAlignment="1">
      <alignment vertical="center" wrapText="1"/>
    </xf>
    <xf numFmtId="0" fontId="5" fillId="0" borderId="2" xfId="0" applyFont="1" applyBorder="1" applyAlignment="1">
      <alignment horizontal="left" vertical="top" wrapText="1"/>
    </xf>
    <xf numFmtId="0" fontId="5" fillId="0" borderId="0" xfId="0" applyFont="1" applyAlignment="1">
      <alignment horizontal="left" vertical="top" wrapText="1"/>
    </xf>
    <xf numFmtId="0" fontId="5" fillId="0" borderId="0" xfId="0" applyFont="1" applyAlignment="1">
      <alignment vertical="center"/>
    </xf>
  </cellXfs>
  <cellStyles count="3">
    <cellStyle name="40% - Accent1" xfId="2" builtinId="31"/>
    <cellStyle name="Good" xfId="1" builtinId="26"/>
    <cellStyle name="Normal" xfId="0" builtinId="0"/>
  </cellStyles>
  <dxfs count="0"/>
  <tableStyles count="0" defaultTableStyle="TableStyleMedium2" defaultPivotStyle="PivotStyleLight16"/>
  <colors>
    <indexedColors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000000"/>
      <rgbColor rgb="00FFFFFF"/>
      <rgbColor rgb="00FF0000"/>
      <rgbColor rgb="0000FF00"/>
      <rgbColor rgb="000000FF"/>
      <rgbColor rgb="00FFFF00"/>
      <rgbColor rgb="00FF00FF"/>
      <rgbColor rgb="0000FFFF"/>
      <rgbColor rgb="00800000"/>
      <rgbColor rgb="00008000"/>
      <rgbColor rgb="00000080"/>
      <rgbColor rgb="00808000"/>
      <rgbColor rgb="00800080"/>
      <rgbColor rgb="00008080"/>
      <rgbColor rgb="00C0C0C0"/>
      <rgbColor rgb="00808080"/>
      <rgbColor rgb="003899D8"/>
      <rgbColor rgb="00E2B220"/>
      <rgbColor rgb="00902A60"/>
      <rgbColor rgb="00B0B0B0"/>
      <rgbColor rgb="00836424"/>
      <rgbColor rgb="009EC939"/>
      <rgbColor rgb="00C84D4D"/>
      <rgbColor rgb="00CCCCFF"/>
      <rgbColor rgb="00000080"/>
      <rgbColor rgb="00FF00FF"/>
      <rgbColor rgb="00FFFF00"/>
      <rgbColor rgb="0000FFFF"/>
      <rgbColor rgb="00800080"/>
      <rgbColor rgb="00800000"/>
      <rgbColor rgb="00008080"/>
      <rgbColor rgb="000000FF"/>
      <rgbColor rgb="0000CCFF"/>
      <rgbColor rgb="00CCFFFF"/>
      <rgbColor rgb="00CCFFCC"/>
      <rgbColor rgb="00FFFF99"/>
      <rgbColor rgb="0099CCFF"/>
      <rgbColor rgb="00FF99CC"/>
      <rgbColor rgb="00CC99FF"/>
      <rgbColor rgb="00FFCC99"/>
      <rgbColor rgb="003366FF"/>
      <rgbColor rgb="0033CCCC"/>
      <rgbColor rgb="0099CC00"/>
      <rgbColor rgb="00FFCC00"/>
      <rgbColor rgb="00FF9900"/>
      <rgbColor rgb="00FF6600"/>
      <rgbColor rgb="00666699"/>
      <rgbColor rgb="00969696"/>
      <rgbColor rgb="00003366"/>
      <rgbColor rgb="00339966"/>
      <rgbColor rgb="00003300"/>
      <rgbColor rgb="00333300"/>
      <rgbColor rgb="00993300"/>
      <rgbColor rgb="00993366"/>
      <rgbColor rgb="00333399"/>
      <rgbColor rgb="00333333"/>
    </indexed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Danmarks Nationalbank">
      <a:dk1>
        <a:sysClr val="windowText" lastClr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 codeName="Ark1"/>
  <dimension ref="A1:F84"/>
  <sheetViews>
    <sheetView tabSelected="1" workbookViewId="0">
      <selection activeCell="I9" sqref="I9"/>
    </sheetView>
  </sheetViews>
  <sheetFormatPr defaultRowHeight="13.5" x14ac:dyDescent="0.25"/>
  <cols>
    <col min="1" max="1" width="25.85546875" style="1" customWidth="1"/>
    <col min="2" max="2" width="81.5703125" style="1" customWidth="1"/>
    <col min="3" max="3" width="15.5703125" style="1" customWidth="1"/>
    <col min="4" max="4" width="13" style="1" customWidth="1"/>
    <col min="5" max="5" width="25.140625" style="1" customWidth="1"/>
    <col min="6" max="6" width="36.28515625" style="1" customWidth="1"/>
    <col min="7" max="16384" width="9.140625" style="1"/>
  </cols>
  <sheetData>
    <row r="1" spans="1:6" x14ac:dyDescent="0.25">
      <c r="A1" s="39" t="s">
        <v>397</v>
      </c>
      <c r="B1" s="39"/>
      <c r="C1" s="39"/>
      <c r="D1" s="39"/>
      <c r="E1" s="39"/>
      <c r="F1" s="39"/>
    </row>
    <row r="2" spans="1:6" x14ac:dyDescent="0.25">
      <c r="A2" s="38" t="s">
        <v>396</v>
      </c>
      <c r="B2" s="38"/>
      <c r="C2" s="38"/>
      <c r="D2" s="38"/>
      <c r="E2" s="38"/>
      <c r="F2" s="38"/>
    </row>
    <row r="3" spans="1:6" ht="44.25" customHeight="1" x14ac:dyDescent="0.25">
      <c r="A3" s="37"/>
      <c r="B3" s="37"/>
      <c r="C3" s="37"/>
      <c r="D3" s="37"/>
      <c r="E3" s="37"/>
      <c r="F3" s="37"/>
    </row>
    <row r="4" spans="1:6" x14ac:dyDescent="0.25">
      <c r="A4" s="36" t="s">
        <v>395</v>
      </c>
      <c r="B4" s="35" t="s">
        <v>394</v>
      </c>
      <c r="C4" s="34" t="s">
        <v>393</v>
      </c>
      <c r="D4" s="33"/>
      <c r="E4" s="32"/>
      <c r="F4" s="31"/>
    </row>
    <row r="5" spans="1:6" x14ac:dyDescent="0.25">
      <c r="A5" s="30"/>
      <c r="B5" s="29"/>
      <c r="C5" s="28" t="s">
        <v>392</v>
      </c>
      <c r="D5" s="27" t="s">
        <v>391</v>
      </c>
      <c r="E5" s="26" t="s">
        <v>390</v>
      </c>
      <c r="F5" s="25" t="s">
        <v>389</v>
      </c>
    </row>
    <row r="6" spans="1:6" x14ac:dyDescent="0.25">
      <c r="A6" s="11" t="s">
        <v>388</v>
      </c>
      <c r="B6" s="10" t="s">
        <v>387</v>
      </c>
      <c r="C6" s="9" t="s">
        <v>386</v>
      </c>
      <c r="D6" s="12" t="s">
        <v>385</v>
      </c>
      <c r="E6" s="7" t="s">
        <v>384</v>
      </c>
      <c r="F6" s="7" t="s">
        <v>383</v>
      </c>
    </row>
    <row r="7" spans="1:6" x14ac:dyDescent="0.25">
      <c r="A7" s="23" t="s">
        <v>382</v>
      </c>
      <c r="B7" s="22" t="s">
        <v>381</v>
      </c>
      <c r="C7" s="21" t="s">
        <v>375</v>
      </c>
      <c r="D7" s="20" t="s">
        <v>380</v>
      </c>
      <c r="E7" s="19" t="s">
        <v>379</v>
      </c>
      <c r="F7" s="19" t="s">
        <v>378</v>
      </c>
    </row>
    <row r="8" spans="1:6" x14ac:dyDescent="0.25">
      <c r="A8" s="6" t="s">
        <v>377</v>
      </c>
      <c r="B8" s="5" t="s">
        <v>376</v>
      </c>
      <c r="C8" s="4" t="s">
        <v>375</v>
      </c>
      <c r="D8" s="18" t="s">
        <v>374</v>
      </c>
      <c r="E8" s="2" t="s">
        <v>373</v>
      </c>
      <c r="F8" s="2" t="s">
        <v>372</v>
      </c>
    </row>
    <row r="9" spans="1:6" x14ac:dyDescent="0.25">
      <c r="A9" s="23" t="s">
        <v>371</v>
      </c>
      <c r="B9" s="22" t="s">
        <v>370</v>
      </c>
      <c r="C9" s="21" t="s">
        <v>286</v>
      </c>
      <c r="D9" s="20" t="s">
        <v>369</v>
      </c>
      <c r="E9" s="19" t="s">
        <v>368</v>
      </c>
      <c r="F9" s="19" t="s">
        <v>367</v>
      </c>
    </row>
    <row r="10" spans="1:6" x14ac:dyDescent="0.25">
      <c r="A10" s="17" t="s">
        <v>366</v>
      </c>
      <c r="B10" s="16" t="s">
        <v>365</v>
      </c>
      <c r="C10" s="15" t="s">
        <v>286</v>
      </c>
      <c r="D10" s="14" t="s">
        <v>364</v>
      </c>
      <c r="E10" s="13" t="s">
        <v>363</v>
      </c>
      <c r="F10" s="13" t="s">
        <v>362</v>
      </c>
    </row>
    <row r="11" spans="1:6" x14ac:dyDescent="0.25">
      <c r="A11" s="17" t="s">
        <v>361</v>
      </c>
      <c r="B11" s="16" t="s">
        <v>360</v>
      </c>
      <c r="C11" s="15" t="s">
        <v>286</v>
      </c>
      <c r="D11" s="14" t="s">
        <v>359</v>
      </c>
      <c r="E11" s="13" t="s">
        <v>358</v>
      </c>
      <c r="F11" s="13" t="s">
        <v>357</v>
      </c>
    </row>
    <row r="12" spans="1:6" x14ac:dyDescent="0.25">
      <c r="A12" s="17" t="s">
        <v>356</v>
      </c>
      <c r="B12" s="16" t="s">
        <v>355</v>
      </c>
      <c r="C12" s="15" t="s">
        <v>286</v>
      </c>
      <c r="D12" s="14" t="s">
        <v>354</v>
      </c>
      <c r="E12" s="13" t="s">
        <v>353</v>
      </c>
      <c r="F12" s="13" t="s">
        <v>352</v>
      </c>
    </row>
    <row r="13" spans="1:6" x14ac:dyDescent="0.25">
      <c r="A13" s="17" t="s">
        <v>351</v>
      </c>
      <c r="B13" s="16" t="s">
        <v>350</v>
      </c>
      <c r="C13" s="15" t="s">
        <v>286</v>
      </c>
      <c r="D13" s="14" t="s">
        <v>349</v>
      </c>
      <c r="E13" s="13" t="s">
        <v>348</v>
      </c>
      <c r="F13" s="13" t="s">
        <v>347</v>
      </c>
    </row>
    <row r="14" spans="1:6" x14ac:dyDescent="0.25">
      <c r="A14" s="17" t="s">
        <v>346</v>
      </c>
      <c r="B14" s="16" t="s">
        <v>345</v>
      </c>
      <c r="C14" s="15" t="s">
        <v>286</v>
      </c>
      <c r="D14" s="14" t="s">
        <v>344</v>
      </c>
      <c r="E14" s="13" t="s">
        <v>343</v>
      </c>
      <c r="F14" s="13" t="s">
        <v>342</v>
      </c>
    </row>
    <row r="15" spans="1:6" x14ac:dyDescent="0.25">
      <c r="A15" s="17" t="s">
        <v>341</v>
      </c>
      <c r="B15" s="16" t="s">
        <v>340</v>
      </c>
      <c r="C15" s="15" t="s">
        <v>286</v>
      </c>
      <c r="D15" s="14" t="s">
        <v>339</v>
      </c>
      <c r="E15" s="13" t="s">
        <v>338</v>
      </c>
      <c r="F15" s="13" t="s">
        <v>337</v>
      </c>
    </row>
    <row r="16" spans="1:6" x14ac:dyDescent="0.25">
      <c r="A16" s="17" t="s">
        <v>336</v>
      </c>
      <c r="B16" s="16" t="s">
        <v>335</v>
      </c>
      <c r="C16" s="15" t="s">
        <v>286</v>
      </c>
      <c r="D16" s="14" t="s">
        <v>334</v>
      </c>
      <c r="E16" s="13" t="s">
        <v>333</v>
      </c>
      <c r="F16" s="13" t="s">
        <v>332</v>
      </c>
    </row>
    <row r="17" spans="1:6" x14ac:dyDescent="0.25">
      <c r="A17" s="17" t="s">
        <v>331</v>
      </c>
      <c r="B17" s="16" t="s">
        <v>330</v>
      </c>
      <c r="C17" s="15" t="s">
        <v>286</v>
      </c>
      <c r="D17" s="14" t="s">
        <v>329</v>
      </c>
      <c r="E17" s="13" t="s">
        <v>328</v>
      </c>
      <c r="F17" s="13" t="s">
        <v>327</v>
      </c>
    </row>
    <row r="18" spans="1:6" x14ac:dyDescent="0.25">
      <c r="A18" s="17" t="s">
        <v>326</v>
      </c>
      <c r="B18" s="16" t="s">
        <v>325</v>
      </c>
      <c r="C18" s="15" t="s">
        <v>286</v>
      </c>
      <c r="D18" s="14" t="s">
        <v>324</v>
      </c>
      <c r="E18" s="13" t="s">
        <v>323</v>
      </c>
      <c r="F18" s="13" t="s">
        <v>322</v>
      </c>
    </row>
    <row r="19" spans="1:6" x14ac:dyDescent="0.25">
      <c r="A19" s="17" t="s">
        <v>321</v>
      </c>
      <c r="B19" s="16" t="s">
        <v>320</v>
      </c>
      <c r="C19" s="15" t="s">
        <v>286</v>
      </c>
      <c r="D19" s="14" t="s">
        <v>315</v>
      </c>
      <c r="E19" s="13" t="s">
        <v>319</v>
      </c>
      <c r="F19" s="13" t="s">
        <v>318</v>
      </c>
    </row>
    <row r="20" spans="1:6" x14ac:dyDescent="0.25">
      <c r="A20" s="17" t="s">
        <v>317</v>
      </c>
      <c r="B20" s="16" t="s">
        <v>316</v>
      </c>
      <c r="C20" s="15" t="s">
        <v>286</v>
      </c>
      <c r="D20" s="14" t="s">
        <v>315</v>
      </c>
      <c r="E20" s="13" t="s">
        <v>314</v>
      </c>
      <c r="F20" s="13" t="s">
        <v>313</v>
      </c>
    </row>
    <row r="21" spans="1:6" x14ac:dyDescent="0.25">
      <c r="A21" s="17" t="s">
        <v>312</v>
      </c>
      <c r="B21" s="16" t="s">
        <v>311</v>
      </c>
      <c r="C21" s="15" t="s">
        <v>286</v>
      </c>
      <c r="D21" s="14" t="s">
        <v>310</v>
      </c>
      <c r="E21" s="13" t="s">
        <v>309</v>
      </c>
      <c r="F21" s="13" t="s">
        <v>308</v>
      </c>
    </row>
    <row r="22" spans="1:6" x14ac:dyDescent="0.25">
      <c r="A22" s="17" t="s">
        <v>307</v>
      </c>
      <c r="B22" s="16" t="s">
        <v>306</v>
      </c>
      <c r="C22" s="15" t="s">
        <v>286</v>
      </c>
      <c r="D22" s="14" t="s">
        <v>305</v>
      </c>
      <c r="E22" s="13" t="s">
        <v>304</v>
      </c>
      <c r="F22" s="13" t="s">
        <v>303</v>
      </c>
    </row>
    <row r="23" spans="1:6" x14ac:dyDescent="0.25">
      <c r="A23" s="17" t="s">
        <v>302</v>
      </c>
      <c r="B23" s="16" t="s">
        <v>301</v>
      </c>
      <c r="C23" s="15" t="s">
        <v>286</v>
      </c>
      <c r="D23" s="14" t="s">
        <v>300</v>
      </c>
      <c r="E23" s="13" t="s">
        <v>299</v>
      </c>
      <c r="F23" s="13" t="s">
        <v>298</v>
      </c>
    </row>
    <row r="24" spans="1:6" x14ac:dyDescent="0.25">
      <c r="A24" s="17" t="s">
        <v>297</v>
      </c>
      <c r="B24" s="16" t="s">
        <v>296</v>
      </c>
      <c r="C24" s="15" t="s">
        <v>286</v>
      </c>
      <c r="D24" s="14" t="s">
        <v>291</v>
      </c>
      <c r="E24" s="13" t="s">
        <v>295</v>
      </c>
      <c r="F24" s="13" t="s">
        <v>294</v>
      </c>
    </row>
    <row r="25" spans="1:6" x14ac:dyDescent="0.25">
      <c r="A25" s="17" t="s">
        <v>293</v>
      </c>
      <c r="B25" s="16" t="s">
        <v>292</v>
      </c>
      <c r="C25" s="15" t="s">
        <v>286</v>
      </c>
      <c r="D25" s="14" t="s">
        <v>291</v>
      </c>
      <c r="E25" s="13" t="s">
        <v>290</v>
      </c>
      <c r="F25" s="13" t="s">
        <v>289</v>
      </c>
    </row>
    <row r="26" spans="1:6" x14ac:dyDescent="0.25">
      <c r="A26" s="17" t="s">
        <v>288</v>
      </c>
      <c r="B26" s="16" t="s">
        <v>287</v>
      </c>
      <c r="C26" s="15" t="s">
        <v>286</v>
      </c>
      <c r="D26" s="14" t="s">
        <v>285</v>
      </c>
      <c r="E26" s="13" t="s">
        <v>284</v>
      </c>
      <c r="F26" s="13" t="s">
        <v>283</v>
      </c>
    </row>
    <row r="27" spans="1:6" x14ac:dyDescent="0.25">
      <c r="A27" s="11" t="s">
        <v>282</v>
      </c>
      <c r="B27" s="10" t="s">
        <v>281</v>
      </c>
      <c r="C27" s="9" t="s">
        <v>280</v>
      </c>
      <c r="D27" s="12" t="s">
        <v>279</v>
      </c>
      <c r="E27" s="7" t="s">
        <v>278</v>
      </c>
      <c r="F27" s="7" t="s">
        <v>277</v>
      </c>
    </row>
    <row r="28" spans="1:6" x14ac:dyDescent="0.25">
      <c r="A28" s="17" t="s">
        <v>276</v>
      </c>
      <c r="B28" s="16" t="s">
        <v>275</v>
      </c>
      <c r="C28" s="15" t="s">
        <v>269</v>
      </c>
      <c r="D28" s="14" t="s">
        <v>274</v>
      </c>
      <c r="E28" s="13" t="s">
        <v>273</v>
      </c>
      <c r="F28" s="13" t="s">
        <v>272</v>
      </c>
    </row>
    <row r="29" spans="1:6" x14ac:dyDescent="0.25">
      <c r="A29" s="17" t="s">
        <v>271</v>
      </c>
      <c r="B29" s="16" t="s">
        <v>270</v>
      </c>
      <c r="C29" s="15" t="s">
        <v>269</v>
      </c>
      <c r="D29" s="14" t="s">
        <v>268</v>
      </c>
      <c r="E29" s="13" t="s">
        <v>267</v>
      </c>
      <c r="F29" s="13" t="s">
        <v>266</v>
      </c>
    </row>
    <row r="30" spans="1:6" x14ac:dyDescent="0.25">
      <c r="A30" s="11" t="s">
        <v>265</v>
      </c>
      <c r="B30" s="10" t="s">
        <v>264</v>
      </c>
      <c r="C30" s="9" t="s">
        <v>263</v>
      </c>
      <c r="D30" s="12" t="s">
        <v>262</v>
      </c>
      <c r="E30" s="7" t="s">
        <v>261</v>
      </c>
      <c r="F30" s="7" t="s">
        <v>260</v>
      </c>
    </row>
    <row r="31" spans="1:6" x14ac:dyDescent="0.25">
      <c r="A31" s="17" t="s">
        <v>259</v>
      </c>
      <c r="B31" s="16" t="s">
        <v>258</v>
      </c>
      <c r="C31" s="15" t="s">
        <v>252</v>
      </c>
      <c r="D31" s="14" t="s">
        <v>257</v>
      </c>
      <c r="E31" s="13" t="s">
        <v>256</v>
      </c>
      <c r="F31" s="13" t="s">
        <v>255</v>
      </c>
    </row>
    <row r="32" spans="1:6" x14ac:dyDescent="0.25">
      <c r="A32" s="17" t="s">
        <v>254</v>
      </c>
      <c r="B32" s="16" t="s">
        <v>253</v>
      </c>
      <c r="C32" s="15" t="s">
        <v>252</v>
      </c>
      <c r="D32" s="14" t="s">
        <v>251</v>
      </c>
      <c r="E32" s="13" t="s">
        <v>250</v>
      </c>
      <c r="F32" s="13" t="s">
        <v>249</v>
      </c>
    </row>
    <row r="33" spans="1:6" x14ac:dyDescent="0.25">
      <c r="A33" s="23" t="s">
        <v>248</v>
      </c>
      <c r="B33" s="22" t="s">
        <v>247</v>
      </c>
      <c r="C33" s="21" t="s">
        <v>226</v>
      </c>
      <c r="D33" s="20" t="s">
        <v>246</v>
      </c>
      <c r="E33" s="19" t="s">
        <v>245</v>
      </c>
      <c r="F33" s="19" t="s">
        <v>244</v>
      </c>
    </row>
    <row r="34" spans="1:6" x14ac:dyDescent="0.25">
      <c r="A34" s="17" t="s">
        <v>243</v>
      </c>
      <c r="B34" s="16" t="s">
        <v>242</v>
      </c>
      <c r="C34" s="15" t="s">
        <v>226</v>
      </c>
      <c r="D34" s="14" t="s">
        <v>241</v>
      </c>
      <c r="E34" s="13" t="s">
        <v>240</v>
      </c>
      <c r="F34" s="13" t="s">
        <v>239</v>
      </c>
    </row>
    <row r="35" spans="1:6" x14ac:dyDescent="0.25">
      <c r="A35" s="17" t="s">
        <v>238</v>
      </c>
      <c r="B35" s="16" t="s">
        <v>237</v>
      </c>
      <c r="C35" s="15" t="s">
        <v>226</v>
      </c>
      <c r="D35" s="14" t="s">
        <v>236</v>
      </c>
      <c r="E35" s="13" t="s">
        <v>235</v>
      </c>
      <c r="F35" s="13" t="s">
        <v>234</v>
      </c>
    </row>
    <row r="36" spans="1:6" x14ac:dyDescent="0.25">
      <c r="A36" s="17" t="s">
        <v>233</v>
      </c>
      <c r="B36" s="16" t="s">
        <v>232</v>
      </c>
      <c r="C36" s="15" t="s">
        <v>226</v>
      </c>
      <c r="D36" s="14" t="s">
        <v>231</v>
      </c>
      <c r="E36" s="13" t="s">
        <v>230</v>
      </c>
      <c r="F36" s="13" t="s">
        <v>229</v>
      </c>
    </row>
    <row r="37" spans="1:6" x14ac:dyDescent="0.25">
      <c r="A37" s="6" t="s">
        <v>228</v>
      </c>
      <c r="B37" s="5" t="s">
        <v>227</v>
      </c>
      <c r="C37" s="4" t="s">
        <v>226</v>
      </c>
      <c r="D37" s="18" t="s">
        <v>225</v>
      </c>
      <c r="E37" s="2" t="s">
        <v>224</v>
      </c>
      <c r="F37" s="2" t="s">
        <v>223</v>
      </c>
    </row>
    <row r="38" spans="1:6" x14ac:dyDescent="0.25">
      <c r="A38" s="17" t="s">
        <v>222</v>
      </c>
      <c r="B38" s="16" t="s">
        <v>221</v>
      </c>
      <c r="C38" s="15" t="s">
        <v>220</v>
      </c>
      <c r="D38" s="14" t="s">
        <v>219</v>
      </c>
      <c r="E38" s="13" t="s">
        <v>218</v>
      </c>
      <c r="F38" s="13" t="s">
        <v>217</v>
      </c>
    </row>
    <row r="39" spans="1:6" x14ac:dyDescent="0.25">
      <c r="A39" s="23" t="s">
        <v>216</v>
      </c>
      <c r="B39" s="22" t="s">
        <v>215</v>
      </c>
      <c r="C39" s="21" t="s">
        <v>209</v>
      </c>
      <c r="D39" s="20" t="s">
        <v>214</v>
      </c>
      <c r="E39" s="19" t="s">
        <v>213</v>
      </c>
      <c r="F39" s="19" t="s">
        <v>212</v>
      </c>
    </row>
    <row r="40" spans="1:6" x14ac:dyDescent="0.25">
      <c r="A40" s="6" t="s">
        <v>211</v>
      </c>
      <c r="B40" s="5" t="s">
        <v>210</v>
      </c>
      <c r="C40" s="4" t="s">
        <v>209</v>
      </c>
      <c r="D40" s="18" t="s">
        <v>208</v>
      </c>
      <c r="E40" s="2" t="s">
        <v>207</v>
      </c>
      <c r="F40" s="2" t="s">
        <v>206</v>
      </c>
    </row>
    <row r="41" spans="1:6" x14ac:dyDescent="0.25">
      <c r="A41" s="17" t="s">
        <v>205</v>
      </c>
      <c r="B41" s="16" t="s">
        <v>204</v>
      </c>
      <c r="C41" s="15" t="s">
        <v>198</v>
      </c>
      <c r="D41" s="14" t="s">
        <v>203</v>
      </c>
      <c r="E41" s="13" t="s">
        <v>202</v>
      </c>
      <c r="F41" s="13" t="s">
        <v>201</v>
      </c>
    </row>
    <row r="42" spans="1:6" x14ac:dyDescent="0.25">
      <c r="A42" s="6" t="s">
        <v>200</v>
      </c>
      <c r="B42" s="5" t="s">
        <v>199</v>
      </c>
      <c r="C42" s="4" t="s">
        <v>198</v>
      </c>
      <c r="D42" s="18" t="s">
        <v>197</v>
      </c>
      <c r="E42" s="2" t="s">
        <v>196</v>
      </c>
      <c r="F42" s="2" t="s">
        <v>195</v>
      </c>
    </row>
    <row r="43" spans="1:6" x14ac:dyDescent="0.25">
      <c r="A43" s="17" t="s">
        <v>194</v>
      </c>
      <c r="B43" s="16" t="s">
        <v>193</v>
      </c>
      <c r="C43" s="15" t="s">
        <v>130</v>
      </c>
      <c r="D43" s="14" t="s">
        <v>156</v>
      </c>
      <c r="E43" s="13" t="s">
        <v>192</v>
      </c>
      <c r="F43" s="13" t="s">
        <v>191</v>
      </c>
    </row>
    <row r="44" spans="1:6" x14ac:dyDescent="0.25">
      <c r="A44" s="17" t="s">
        <v>190</v>
      </c>
      <c r="B44" s="16" t="s">
        <v>189</v>
      </c>
      <c r="C44" s="15" t="s">
        <v>130</v>
      </c>
      <c r="D44" s="24" t="s">
        <v>156</v>
      </c>
      <c r="E44" s="13" t="s">
        <v>182</v>
      </c>
      <c r="F44" s="13" t="s">
        <v>188</v>
      </c>
    </row>
    <row r="45" spans="1:6" x14ac:dyDescent="0.25">
      <c r="A45" s="17" t="s">
        <v>187</v>
      </c>
      <c r="B45" s="16" t="s">
        <v>186</v>
      </c>
      <c r="C45" s="15" t="s">
        <v>130</v>
      </c>
      <c r="D45" s="24" t="s">
        <v>156</v>
      </c>
      <c r="E45" s="13" t="s">
        <v>182</v>
      </c>
      <c r="F45" s="13" t="s">
        <v>185</v>
      </c>
    </row>
    <row r="46" spans="1:6" x14ac:dyDescent="0.25">
      <c r="A46" s="17" t="s">
        <v>184</v>
      </c>
      <c r="B46" s="16" t="s">
        <v>183</v>
      </c>
      <c r="C46" s="15" t="s">
        <v>130</v>
      </c>
      <c r="D46" s="24" t="s">
        <v>156</v>
      </c>
      <c r="E46" s="13" t="s">
        <v>182</v>
      </c>
      <c r="F46" s="13" t="s">
        <v>181</v>
      </c>
    </row>
    <row r="47" spans="1:6" x14ac:dyDescent="0.25">
      <c r="A47" s="17" t="s">
        <v>180</v>
      </c>
      <c r="B47" s="16" t="s">
        <v>179</v>
      </c>
      <c r="C47" s="15" t="s">
        <v>130</v>
      </c>
      <c r="D47" s="24" t="s">
        <v>156</v>
      </c>
      <c r="E47" s="13" t="s">
        <v>175</v>
      </c>
      <c r="F47" s="13" t="s">
        <v>178</v>
      </c>
    </row>
    <row r="48" spans="1:6" x14ac:dyDescent="0.25">
      <c r="A48" s="17" t="s">
        <v>177</v>
      </c>
      <c r="B48" s="16" t="s">
        <v>176</v>
      </c>
      <c r="C48" s="15" t="s">
        <v>130</v>
      </c>
      <c r="D48" s="24" t="s">
        <v>156</v>
      </c>
      <c r="E48" s="13" t="s">
        <v>175</v>
      </c>
      <c r="F48" s="13" t="s">
        <v>174</v>
      </c>
    </row>
    <row r="49" spans="1:6" x14ac:dyDescent="0.25">
      <c r="A49" s="17" t="s">
        <v>173</v>
      </c>
      <c r="B49" s="16" t="s">
        <v>172</v>
      </c>
      <c r="C49" s="15" t="s">
        <v>130</v>
      </c>
      <c r="D49" s="24" t="s">
        <v>156</v>
      </c>
      <c r="E49" s="13" t="s">
        <v>171</v>
      </c>
      <c r="F49" s="13" t="s">
        <v>170</v>
      </c>
    </row>
    <row r="50" spans="1:6" x14ac:dyDescent="0.25">
      <c r="A50" s="17" t="s">
        <v>169</v>
      </c>
      <c r="B50" s="16" t="s">
        <v>168</v>
      </c>
      <c r="C50" s="15" t="s">
        <v>130</v>
      </c>
      <c r="D50" s="24" t="s">
        <v>156</v>
      </c>
      <c r="E50" s="13" t="s">
        <v>167</v>
      </c>
      <c r="F50" s="13" t="s">
        <v>166</v>
      </c>
    </row>
    <row r="51" spans="1:6" x14ac:dyDescent="0.25">
      <c r="A51" s="17" t="s">
        <v>165</v>
      </c>
      <c r="B51" s="16" t="s">
        <v>164</v>
      </c>
      <c r="C51" s="15" t="s">
        <v>130</v>
      </c>
      <c r="D51" s="24" t="s">
        <v>156</v>
      </c>
      <c r="E51" s="13" t="s">
        <v>160</v>
      </c>
      <c r="F51" s="13" t="s">
        <v>163</v>
      </c>
    </row>
    <row r="52" spans="1:6" x14ac:dyDescent="0.25">
      <c r="A52" s="17" t="s">
        <v>162</v>
      </c>
      <c r="B52" s="16" t="s">
        <v>161</v>
      </c>
      <c r="C52" s="15" t="s">
        <v>130</v>
      </c>
      <c r="D52" s="24" t="s">
        <v>156</v>
      </c>
      <c r="E52" s="13" t="s">
        <v>160</v>
      </c>
      <c r="F52" s="13" t="s">
        <v>159</v>
      </c>
    </row>
    <row r="53" spans="1:6" x14ac:dyDescent="0.25">
      <c r="A53" s="17" t="s">
        <v>158</v>
      </c>
      <c r="B53" s="16" t="s">
        <v>157</v>
      </c>
      <c r="C53" s="15" t="s">
        <v>130</v>
      </c>
      <c r="D53" s="24" t="s">
        <v>156</v>
      </c>
      <c r="E53" s="13" t="s">
        <v>155</v>
      </c>
      <c r="F53" s="13" t="s">
        <v>154</v>
      </c>
    </row>
    <row r="54" spans="1:6" x14ac:dyDescent="0.25">
      <c r="A54" s="17" t="s">
        <v>153</v>
      </c>
      <c r="B54" s="16" t="s">
        <v>152</v>
      </c>
      <c r="C54" s="15" t="s">
        <v>130</v>
      </c>
      <c r="D54" s="14" t="s">
        <v>139</v>
      </c>
      <c r="E54" s="13" t="s">
        <v>151</v>
      </c>
      <c r="F54" s="13" t="s">
        <v>150</v>
      </c>
    </row>
    <row r="55" spans="1:6" x14ac:dyDescent="0.25">
      <c r="A55" s="17" t="s">
        <v>149</v>
      </c>
      <c r="B55" s="16" t="s">
        <v>148</v>
      </c>
      <c r="C55" s="15" t="s">
        <v>130</v>
      </c>
      <c r="D55" s="14" t="s">
        <v>139</v>
      </c>
      <c r="E55" s="13" t="s">
        <v>147</v>
      </c>
      <c r="F55" s="13" t="s">
        <v>146</v>
      </c>
    </row>
    <row r="56" spans="1:6" x14ac:dyDescent="0.25">
      <c r="A56" s="17" t="s">
        <v>145</v>
      </c>
      <c r="B56" s="16" t="s">
        <v>144</v>
      </c>
      <c r="C56" s="15" t="s">
        <v>130</v>
      </c>
      <c r="D56" s="14" t="s">
        <v>139</v>
      </c>
      <c r="E56" s="13" t="s">
        <v>143</v>
      </c>
      <c r="F56" s="13" t="s">
        <v>142</v>
      </c>
    </row>
    <row r="57" spans="1:6" x14ac:dyDescent="0.25">
      <c r="A57" s="17" t="s">
        <v>141</v>
      </c>
      <c r="B57" s="16" t="s">
        <v>140</v>
      </c>
      <c r="C57" s="15" t="s">
        <v>130</v>
      </c>
      <c r="D57" s="14" t="s">
        <v>139</v>
      </c>
      <c r="E57" s="13" t="s">
        <v>138</v>
      </c>
      <c r="F57" s="13" t="s">
        <v>137</v>
      </c>
    </row>
    <row r="58" spans="1:6" x14ac:dyDescent="0.25">
      <c r="A58" s="17" t="s">
        <v>136</v>
      </c>
      <c r="B58" s="16" t="s">
        <v>135</v>
      </c>
      <c r="C58" s="15" t="s">
        <v>130</v>
      </c>
      <c r="D58" s="14" t="s">
        <v>129</v>
      </c>
      <c r="E58" s="13" t="s">
        <v>134</v>
      </c>
      <c r="F58" s="13" t="s">
        <v>133</v>
      </c>
    </row>
    <row r="59" spans="1:6" x14ac:dyDescent="0.25">
      <c r="A59" s="17" t="s">
        <v>132</v>
      </c>
      <c r="B59" s="16" t="s">
        <v>131</v>
      </c>
      <c r="C59" s="15" t="s">
        <v>130</v>
      </c>
      <c r="D59" s="14" t="s">
        <v>129</v>
      </c>
      <c r="E59" s="13" t="s">
        <v>128</v>
      </c>
      <c r="F59" s="13" t="s">
        <v>127</v>
      </c>
    </row>
    <row r="60" spans="1:6" x14ac:dyDescent="0.25">
      <c r="A60" s="11" t="s">
        <v>126</v>
      </c>
      <c r="B60" s="10" t="s">
        <v>125</v>
      </c>
      <c r="C60" s="9" t="s">
        <v>124</v>
      </c>
      <c r="D60" s="12" t="s">
        <v>123</v>
      </c>
      <c r="E60" s="7" t="s">
        <v>122</v>
      </c>
      <c r="F60" s="7" t="s">
        <v>121</v>
      </c>
    </row>
    <row r="61" spans="1:6" x14ac:dyDescent="0.25">
      <c r="A61" s="17" t="s">
        <v>120</v>
      </c>
      <c r="B61" s="16" t="s">
        <v>119</v>
      </c>
      <c r="C61" s="15" t="s">
        <v>81</v>
      </c>
      <c r="D61" s="14" t="s">
        <v>114</v>
      </c>
      <c r="E61" s="13" t="s">
        <v>118</v>
      </c>
      <c r="F61" s="13" t="s">
        <v>117</v>
      </c>
    </row>
    <row r="62" spans="1:6" x14ac:dyDescent="0.25">
      <c r="A62" s="17" t="s">
        <v>116</v>
      </c>
      <c r="B62" s="16" t="s">
        <v>115</v>
      </c>
      <c r="C62" s="15" t="s">
        <v>81</v>
      </c>
      <c r="D62" s="14" t="s">
        <v>114</v>
      </c>
      <c r="E62" s="13" t="s">
        <v>113</v>
      </c>
      <c r="F62" s="13" t="s">
        <v>112</v>
      </c>
    </row>
    <row r="63" spans="1:6" x14ac:dyDescent="0.25">
      <c r="A63" s="17" t="s">
        <v>111</v>
      </c>
      <c r="B63" s="16" t="s">
        <v>110</v>
      </c>
      <c r="C63" s="15" t="s">
        <v>81</v>
      </c>
      <c r="D63" s="14" t="s">
        <v>105</v>
      </c>
      <c r="E63" s="13" t="s">
        <v>109</v>
      </c>
      <c r="F63" s="13" t="s">
        <v>108</v>
      </c>
    </row>
    <row r="64" spans="1:6" x14ac:dyDescent="0.25">
      <c r="A64" s="17" t="s">
        <v>107</v>
      </c>
      <c r="B64" s="16" t="s">
        <v>106</v>
      </c>
      <c r="C64" s="15" t="s">
        <v>81</v>
      </c>
      <c r="D64" s="14" t="s">
        <v>105</v>
      </c>
      <c r="E64" s="13" t="s">
        <v>104</v>
      </c>
      <c r="F64" s="13" t="s">
        <v>103</v>
      </c>
    </row>
    <row r="65" spans="1:6" x14ac:dyDescent="0.25">
      <c r="A65" s="17" t="s">
        <v>102</v>
      </c>
      <c r="B65" s="16" t="s">
        <v>101</v>
      </c>
      <c r="C65" s="15" t="s">
        <v>81</v>
      </c>
      <c r="D65" s="14" t="s">
        <v>100</v>
      </c>
      <c r="E65" s="13" t="s">
        <v>99</v>
      </c>
      <c r="F65" s="13" t="s">
        <v>98</v>
      </c>
    </row>
    <row r="66" spans="1:6" x14ac:dyDescent="0.25">
      <c r="A66" s="17" t="s">
        <v>97</v>
      </c>
      <c r="B66" s="16" t="s">
        <v>96</v>
      </c>
      <c r="C66" s="15" t="s">
        <v>81</v>
      </c>
      <c r="D66" s="14" t="s">
        <v>95</v>
      </c>
      <c r="E66" s="13" t="s">
        <v>94</v>
      </c>
      <c r="F66" s="13" t="s">
        <v>93</v>
      </c>
    </row>
    <row r="67" spans="1:6" x14ac:dyDescent="0.25">
      <c r="A67" s="17" t="s">
        <v>92</v>
      </c>
      <c r="B67" s="16" t="s">
        <v>91</v>
      </c>
      <c r="C67" s="15" t="s">
        <v>81</v>
      </c>
      <c r="D67" s="14" t="s">
        <v>86</v>
      </c>
      <c r="E67" s="13" t="s">
        <v>90</v>
      </c>
      <c r="F67" s="13" t="s">
        <v>89</v>
      </c>
    </row>
    <row r="68" spans="1:6" x14ac:dyDescent="0.25">
      <c r="A68" s="17" t="s">
        <v>88</v>
      </c>
      <c r="B68" s="16" t="s">
        <v>87</v>
      </c>
      <c r="C68" s="15" t="s">
        <v>81</v>
      </c>
      <c r="D68" s="14" t="s">
        <v>86</v>
      </c>
      <c r="E68" s="13" t="s">
        <v>85</v>
      </c>
      <c r="F68" s="13" t="s">
        <v>84</v>
      </c>
    </row>
    <row r="69" spans="1:6" x14ac:dyDescent="0.25">
      <c r="A69" s="17" t="s">
        <v>83</v>
      </c>
      <c r="B69" s="16" t="s">
        <v>82</v>
      </c>
      <c r="C69" s="15" t="s">
        <v>81</v>
      </c>
      <c r="D69" s="14" t="s">
        <v>80</v>
      </c>
      <c r="E69" s="13" t="s">
        <v>79</v>
      </c>
      <c r="F69" s="13" t="s">
        <v>78</v>
      </c>
    </row>
    <row r="70" spans="1:6" x14ac:dyDescent="0.25">
      <c r="A70" s="23" t="s">
        <v>77</v>
      </c>
      <c r="B70" s="22" t="s">
        <v>76</v>
      </c>
      <c r="C70" s="21" t="s">
        <v>70</v>
      </c>
      <c r="D70" s="20" t="s">
        <v>75</v>
      </c>
      <c r="E70" s="19" t="s">
        <v>74</v>
      </c>
      <c r="F70" s="19" t="s">
        <v>73</v>
      </c>
    </row>
    <row r="71" spans="1:6" x14ac:dyDescent="0.25">
      <c r="A71" s="6" t="s">
        <v>72</v>
      </c>
      <c r="B71" s="5" t="s">
        <v>71</v>
      </c>
      <c r="C71" s="4" t="s">
        <v>70</v>
      </c>
      <c r="D71" s="18" t="s">
        <v>69</v>
      </c>
      <c r="E71" s="2" t="s">
        <v>68</v>
      </c>
      <c r="F71" s="2" t="s">
        <v>67</v>
      </c>
    </row>
    <row r="72" spans="1:6" x14ac:dyDescent="0.25">
      <c r="A72" s="17" t="s">
        <v>66</v>
      </c>
      <c r="B72" s="16" t="s">
        <v>65</v>
      </c>
      <c r="C72" s="15" t="s">
        <v>64</v>
      </c>
      <c r="D72" s="14" t="s">
        <v>63</v>
      </c>
      <c r="E72" s="13" t="s">
        <v>62</v>
      </c>
      <c r="F72" s="13" t="s">
        <v>61</v>
      </c>
    </row>
    <row r="73" spans="1:6" x14ac:dyDescent="0.25">
      <c r="A73" s="11" t="s">
        <v>60</v>
      </c>
      <c r="B73" s="10" t="s">
        <v>59</v>
      </c>
      <c r="C73" s="9" t="s">
        <v>58</v>
      </c>
      <c r="D73" s="12" t="s">
        <v>57</v>
      </c>
      <c r="E73" s="7" t="s">
        <v>56</v>
      </c>
      <c r="F73" s="7" t="s">
        <v>55</v>
      </c>
    </row>
    <row r="74" spans="1:6" x14ac:dyDescent="0.25">
      <c r="A74" s="17" t="s">
        <v>54</v>
      </c>
      <c r="B74" s="16" t="s">
        <v>53</v>
      </c>
      <c r="C74" s="15" t="s">
        <v>47</v>
      </c>
      <c r="D74" s="14" t="s">
        <v>52</v>
      </c>
      <c r="E74" s="13" t="s">
        <v>51</v>
      </c>
      <c r="F74" s="13" t="s">
        <v>50</v>
      </c>
    </row>
    <row r="75" spans="1:6" x14ac:dyDescent="0.25">
      <c r="A75" s="6" t="s">
        <v>49</v>
      </c>
      <c r="B75" s="5" t="s">
        <v>48</v>
      </c>
      <c r="C75" s="4" t="s">
        <v>47</v>
      </c>
      <c r="D75" s="18" t="s">
        <v>46</v>
      </c>
      <c r="E75" s="2" t="s">
        <v>45</v>
      </c>
      <c r="F75" s="2" t="s">
        <v>44</v>
      </c>
    </row>
    <row r="76" spans="1:6" x14ac:dyDescent="0.25">
      <c r="A76" s="17" t="s">
        <v>43</v>
      </c>
      <c r="B76" s="16" t="s">
        <v>42</v>
      </c>
      <c r="C76" s="15" t="s">
        <v>31</v>
      </c>
      <c r="D76" s="14" t="s">
        <v>41</v>
      </c>
      <c r="E76" s="13" t="s">
        <v>40</v>
      </c>
      <c r="F76" s="13" t="s">
        <v>39</v>
      </c>
    </row>
    <row r="77" spans="1:6" x14ac:dyDescent="0.25">
      <c r="A77" s="17" t="s">
        <v>38</v>
      </c>
      <c r="B77" s="16" t="s">
        <v>37</v>
      </c>
      <c r="C77" s="15" t="s">
        <v>31</v>
      </c>
      <c r="D77" s="14" t="s">
        <v>36</v>
      </c>
      <c r="E77" s="13" t="s">
        <v>35</v>
      </c>
      <c r="F77" s="13" t="s">
        <v>34</v>
      </c>
    </row>
    <row r="78" spans="1:6" x14ac:dyDescent="0.25">
      <c r="A78" s="17" t="s">
        <v>33</v>
      </c>
      <c r="B78" s="16" t="s">
        <v>32</v>
      </c>
      <c r="C78" s="15" t="s">
        <v>31</v>
      </c>
      <c r="D78" s="14" t="s">
        <v>30</v>
      </c>
      <c r="E78" s="13" t="s">
        <v>29</v>
      </c>
      <c r="F78" s="13" t="s">
        <v>28</v>
      </c>
    </row>
    <row r="79" spans="1:6" x14ac:dyDescent="0.25">
      <c r="A79" s="23" t="s">
        <v>27</v>
      </c>
      <c r="B79" s="22" t="s">
        <v>26</v>
      </c>
      <c r="C79" s="21" t="s">
        <v>20</v>
      </c>
      <c r="D79" s="20" t="s">
        <v>25</v>
      </c>
      <c r="E79" s="19" t="s">
        <v>24</v>
      </c>
      <c r="F79" s="19" t="s">
        <v>23</v>
      </c>
    </row>
    <row r="80" spans="1:6" x14ac:dyDescent="0.25">
      <c r="A80" s="6" t="s">
        <v>22</v>
      </c>
      <c r="B80" s="5" t="s">
        <v>21</v>
      </c>
      <c r="C80" s="4" t="s">
        <v>20</v>
      </c>
      <c r="D80" s="18" t="s">
        <v>19</v>
      </c>
      <c r="E80" s="2" t="s">
        <v>18</v>
      </c>
      <c r="F80" s="2" t="s">
        <v>17</v>
      </c>
    </row>
    <row r="81" spans="1:6" x14ac:dyDescent="0.25">
      <c r="A81" s="17" t="s">
        <v>16</v>
      </c>
      <c r="B81" s="16" t="s">
        <v>15</v>
      </c>
      <c r="C81" s="15" t="s">
        <v>14</v>
      </c>
      <c r="D81" s="14" t="s">
        <v>13</v>
      </c>
      <c r="E81" s="13" t="s">
        <v>12</v>
      </c>
      <c r="F81" s="13" t="s">
        <v>11</v>
      </c>
    </row>
    <row r="82" spans="1:6" x14ac:dyDescent="0.25">
      <c r="A82" s="11" t="s">
        <v>10</v>
      </c>
      <c r="B82" s="10" t="s">
        <v>9</v>
      </c>
      <c r="C82" s="9" t="s">
        <v>8</v>
      </c>
      <c r="D82" s="12" t="s">
        <v>7</v>
      </c>
      <c r="E82" s="7" t="s">
        <v>6</v>
      </c>
      <c r="F82" s="7" t="s">
        <v>5</v>
      </c>
    </row>
    <row r="83" spans="1:6" x14ac:dyDescent="0.25">
      <c r="A83" s="11" t="s">
        <v>4</v>
      </c>
      <c r="B83" s="10" t="s">
        <v>3</v>
      </c>
      <c r="C83" s="9"/>
      <c r="D83" s="8"/>
      <c r="E83" s="7"/>
      <c r="F83" s="7" t="s">
        <v>2</v>
      </c>
    </row>
    <row r="84" spans="1:6" x14ac:dyDescent="0.25">
      <c r="A84" s="6" t="s">
        <v>1</v>
      </c>
      <c r="B84" s="5" t="s">
        <v>0</v>
      </c>
      <c r="C84" s="4"/>
      <c r="D84" s="3"/>
      <c r="E84" s="2"/>
      <c r="F84" s="2"/>
    </row>
  </sheetData>
  <mergeCells count="4">
    <mergeCell ref="A4:A5"/>
    <mergeCell ref="B4:B5"/>
    <mergeCell ref="C4:E4"/>
    <mergeCell ref="A2:F3"/>
  </mergeCells>
  <phoneticPr fontId="0" type="noConversion"/>
  <pageMargins left="0.75" right="0.75" top="1" bottom="1" header="0" footer="0"/>
  <pageSetup orientation="portrait" r:id="rId1"/>
  <headerFooter alignWithMargins="0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1C3359F-0DE8-48EF-ABA1-DC13F096FC7F}">
  <ds:schemaRefs/>
</ds:datastoreItem>
</file>

<file path=customXml/itemProps2.xml><?xml version="1.0" encoding="utf-8"?>
<ds:datastoreItem xmlns:ds="http://schemas.openxmlformats.org/officeDocument/2006/customXml" ds:itemID="{BC4E3A07-61A6-4080-9463-42350479BC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Ark1</vt:lpstr>
    </vt:vector>
  </TitlesOfParts>
  <Company>Danmarks Nationalbank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thai Jakob Thomas</dc:creator>
  <cp:lastModifiedBy>Mathai Jakob Thomas</cp:lastModifiedBy>
  <dcterms:created xsi:type="dcterms:W3CDTF">2024-08-16T07:02:26Z</dcterms:created>
  <dcterms:modified xsi:type="dcterms:W3CDTF">2025-02-24T08:57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temp</vt:lpwstr>
  </property>
  <property fmtid="{D5CDD505-2E9C-101B-9397-08002B2CF9AE}" pid="3" name="TemplafyTemplateId">
    <vt:lpwstr>710624407351460001</vt:lpwstr>
  </property>
  <property fmtid="{D5CDD505-2E9C-101B-9397-08002B2CF9AE}" pid="4" name="TemplafyUserProfileId">
    <vt:lpwstr>970952382650254882</vt:lpwstr>
  </property>
  <property fmtid="{D5CDD505-2E9C-101B-9397-08002B2CF9AE}" pid="5" name="TemplafyFromBlank">
    <vt:bool>true</vt:bool>
  </property>
</Properties>
</file>